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7"/>
  </p:sldMasterIdLst>
  <p:notesMasterIdLst>
    <p:notesMasterId r:id="rId25"/>
  </p:notesMasterIdLst>
  <p:handoutMasterIdLst>
    <p:handoutMasterId r:id="rId26"/>
  </p:handoutMasterIdLst>
  <p:sldIdLst>
    <p:sldId id="256" r:id="rId18"/>
    <p:sldId id="260" r:id="rId19"/>
    <p:sldId id="257" r:id="rId20"/>
    <p:sldId id="262" r:id="rId21"/>
    <p:sldId id="263" r:id="rId22"/>
    <p:sldId id="264" r:id="rId23"/>
    <p:sldId id="265" r:id="rId24"/>
  </p:sldIdLst>
  <p:sldSz cx="12190413" cy="6858000"/>
  <p:notesSz cx="6858000" cy="9144000"/>
  <p:custDataLst>
    <p:tags r:id="rId2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BB88B87-CB1A-4159-9F01-BAC428C23DDB}" v="13" dt="2024-07-02T00:31:54.61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712" y="6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notesMaster" Target="notesMasters/notesMaster1.xml"/><Relationship Id="rId33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tags" Target="tags/tag1.xml"/><Relationship Id="rId30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5BB88B87-CB1A-4159-9F01-BAC428C23DDB}"/>
    <pc:docChg chg="addSld delSld modSld">
      <pc:chgData name="Mikael Lenz Strube" userId="5190ea63-534e-4b85-8189-cf0a88e74104" providerId="ADAL" clId="{5BB88B87-CB1A-4159-9F01-BAC428C23DDB}" dt="2024-07-02T00:32:03.227" v="27" actId="20577"/>
      <pc:docMkLst>
        <pc:docMk/>
      </pc:docMkLst>
      <pc:sldChg chg="modSp mod">
        <pc:chgData name="Mikael Lenz Strube" userId="5190ea63-534e-4b85-8189-cf0a88e74104" providerId="ADAL" clId="{5BB88B87-CB1A-4159-9F01-BAC428C23DDB}" dt="2024-07-02T00:31:22.657" v="1" actId="20577"/>
        <pc:sldMkLst>
          <pc:docMk/>
          <pc:sldMk cId="1042764603" sldId="262"/>
        </pc:sldMkLst>
        <pc:spChg chg="mod">
          <ac:chgData name="Mikael Lenz Strube" userId="5190ea63-534e-4b85-8189-cf0a88e74104" providerId="ADAL" clId="{5BB88B87-CB1A-4159-9F01-BAC428C23DDB}" dt="2024-07-02T00:31:22.657" v="1" actId="20577"/>
          <ac:spMkLst>
            <pc:docMk/>
            <pc:sldMk cId="1042764603" sldId="262"/>
            <ac:spMk id="5" creationId="{43AB9D89-4678-4B3C-8679-3E429EFBB2DD}"/>
          </ac:spMkLst>
        </pc:spChg>
      </pc:sldChg>
      <pc:sldChg chg="modSp mod">
        <pc:chgData name="Mikael Lenz Strube" userId="5190ea63-534e-4b85-8189-cf0a88e74104" providerId="ADAL" clId="{5BB88B87-CB1A-4159-9F01-BAC428C23DDB}" dt="2024-07-02T00:31:29.343" v="6" actId="20577"/>
        <pc:sldMkLst>
          <pc:docMk/>
          <pc:sldMk cId="3268741960" sldId="263"/>
        </pc:sldMkLst>
        <pc:spChg chg="mod">
          <ac:chgData name="Mikael Lenz Strube" userId="5190ea63-534e-4b85-8189-cf0a88e74104" providerId="ADAL" clId="{5BB88B87-CB1A-4159-9F01-BAC428C23DDB}" dt="2024-07-02T00:31:29.343" v="6" actId="20577"/>
          <ac:spMkLst>
            <pc:docMk/>
            <pc:sldMk cId="3268741960" sldId="263"/>
            <ac:spMk id="5" creationId="{43AB9D89-4678-4B3C-8679-3E429EFBB2DD}"/>
          </ac:spMkLst>
        </pc:spChg>
      </pc:sldChg>
      <pc:sldChg chg="modSp add mod">
        <pc:chgData name="Mikael Lenz Strube" userId="5190ea63-534e-4b85-8189-cf0a88e74104" providerId="ADAL" clId="{5BB88B87-CB1A-4159-9F01-BAC428C23DDB}" dt="2024-07-02T00:31:41.368" v="11" actId="20577"/>
        <pc:sldMkLst>
          <pc:docMk/>
          <pc:sldMk cId="1873331999" sldId="264"/>
        </pc:sldMkLst>
        <pc:spChg chg="mod">
          <ac:chgData name="Mikael Lenz Strube" userId="5190ea63-534e-4b85-8189-cf0a88e74104" providerId="ADAL" clId="{5BB88B87-CB1A-4159-9F01-BAC428C23DDB}" dt="2024-07-02T00:31:41.368" v="11" actId="20577"/>
          <ac:spMkLst>
            <pc:docMk/>
            <pc:sldMk cId="1873331999" sldId="264"/>
            <ac:spMk id="5" creationId="{43AB9D89-4678-4B3C-8679-3E429EFBB2DD}"/>
          </ac:spMkLst>
        </pc:spChg>
      </pc:sldChg>
      <pc:sldChg chg="add del">
        <pc:chgData name="Mikael Lenz Strube" userId="5190ea63-534e-4b85-8189-cf0a88e74104" providerId="ADAL" clId="{5BB88B87-CB1A-4159-9F01-BAC428C23DDB}" dt="2024-07-02T00:31:49.794" v="13"/>
        <pc:sldMkLst>
          <pc:docMk/>
          <pc:sldMk cId="2817932730" sldId="265"/>
        </pc:sldMkLst>
      </pc:sldChg>
      <pc:sldChg chg="modSp add mod">
        <pc:chgData name="Mikael Lenz Strube" userId="5190ea63-534e-4b85-8189-cf0a88e74104" providerId="ADAL" clId="{5BB88B87-CB1A-4159-9F01-BAC428C23DDB}" dt="2024-07-02T00:32:03.227" v="27" actId="20577"/>
        <pc:sldMkLst>
          <pc:docMk/>
          <pc:sldMk cId="3139817424" sldId="265"/>
        </pc:sldMkLst>
        <pc:spChg chg="mod">
          <ac:chgData name="Mikael Lenz Strube" userId="5190ea63-534e-4b85-8189-cf0a88e74104" providerId="ADAL" clId="{5BB88B87-CB1A-4159-9F01-BAC428C23DDB}" dt="2024-07-02T00:32:03.227" v="27" actId="20577"/>
          <ac:spMkLst>
            <pc:docMk/>
            <pc:sldMk cId="3139817424" sldId="265"/>
            <ac:spMk id="5" creationId="{43AB9D89-4678-4B3C-8679-3E429EFBB2DD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Recap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ikael Lenz Strube (milst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bash stuff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				         </a:t>
            </a:r>
            <a:r>
              <a:rPr lang="en-GB" sz="6600" dirty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</a:t>
            </a:r>
            <a:r>
              <a:rPr lang="en-GB" dirty="0" err="1"/>
              <a:t>conda</a:t>
            </a:r>
            <a:r>
              <a:rPr lang="en-GB" dirty="0"/>
              <a:t> stuff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				         </a:t>
            </a:r>
            <a:r>
              <a:rPr lang="en-GB" sz="6600" dirty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4276460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</a:t>
            </a:r>
            <a:r>
              <a:rPr lang="en-GB" dirty="0" err="1"/>
              <a:t>bakta</a:t>
            </a:r>
            <a:r>
              <a:rPr lang="en-GB" dirty="0"/>
              <a:t> stuff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				         </a:t>
            </a:r>
            <a:r>
              <a:rPr lang="en-GB" sz="6600" dirty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6874196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loop stuff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				         </a:t>
            </a:r>
            <a:r>
              <a:rPr lang="en-GB" sz="6600" dirty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733319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Anything else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				         </a:t>
            </a:r>
            <a:r>
              <a:rPr lang="en-GB" sz="6600" dirty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3981742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10.xml><?xml version="1.0" encoding="utf-8"?>
<ds:datastoreItem xmlns:ds="http://schemas.openxmlformats.org/officeDocument/2006/customXml" ds:itemID="{ADA43FF8-2E6D-4A02-9C87-E56E3783B7CE}">
  <ds:schemaRefs/>
</ds:datastoreItem>
</file>

<file path=customXml/itemProps11.xml><?xml version="1.0" encoding="utf-8"?>
<ds:datastoreItem xmlns:ds="http://schemas.openxmlformats.org/officeDocument/2006/customXml" ds:itemID="{810F36BE-0F59-463C-8353-17D951440B49}">
  <ds:schemaRefs/>
</ds:datastoreItem>
</file>

<file path=customXml/itemProps12.xml><?xml version="1.0" encoding="utf-8"?>
<ds:datastoreItem xmlns:ds="http://schemas.openxmlformats.org/officeDocument/2006/customXml" ds:itemID="{938309DF-6FD8-4B7B-A69C-5D4187F60890}">
  <ds:schemaRefs/>
</ds:datastoreItem>
</file>

<file path=customXml/itemProps13.xml><?xml version="1.0" encoding="utf-8"?>
<ds:datastoreItem xmlns:ds="http://schemas.openxmlformats.org/officeDocument/2006/customXml" ds:itemID="{E716F065-F8B3-4A1A-850E-A5C2E0D33817}">
  <ds:schemaRefs/>
</ds:datastoreItem>
</file>

<file path=customXml/itemProps14.xml><?xml version="1.0" encoding="utf-8"?>
<ds:datastoreItem xmlns:ds="http://schemas.openxmlformats.org/officeDocument/2006/customXml" ds:itemID="{4D293644-E02F-41D9-8403-1D3EEFB94332}">
  <ds:schemaRefs/>
</ds:datastoreItem>
</file>

<file path=customXml/itemProps15.xml><?xml version="1.0" encoding="utf-8"?>
<ds:datastoreItem xmlns:ds="http://schemas.openxmlformats.org/officeDocument/2006/customXml" ds:itemID="{B33B8795-11E4-4792-8077-EC13FCC4A486}">
  <ds:schemaRefs/>
</ds:datastoreItem>
</file>

<file path=customXml/itemProps16.xml><?xml version="1.0" encoding="utf-8"?>
<ds:datastoreItem xmlns:ds="http://schemas.openxmlformats.org/officeDocument/2006/customXml" ds:itemID="{BF5A4E59-FA61-4D64-A3F2-36006FF1E718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customXml/itemProps9.xml><?xml version="1.0" encoding="utf-8"?>
<ds:datastoreItem xmlns:ds="http://schemas.openxmlformats.org/officeDocument/2006/customXml" ds:itemID="{63C0A1FD-B536-42C3-93C7-0D6BAD4F6C4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8</TotalTime>
  <Words>63</Words>
  <Application>Microsoft Office PowerPoint</Application>
  <PresentationFormat>Custom</PresentationFormat>
  <Paragraphs>40</Paragraphs>
  <Slides>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0" baseType="lpstr">
      <vt:lpstr>Arial</vt:lpstr>
      <vt:lpstr>Verdana</vt:lpstr>
      <vt:lpstr>Blank</vt:lpstr>
      <vt:lpstr>PowerPoint Presentation</vt:lpstr>
      <vt:lpstr>Recap</vt:lpstr>
      <vt:lpstr>The bash stuff</vt:lpstr>
      <vt:lpstr>The conda stuff</vt:lpstr>
      <vt:lpstr>The bakta stuff</vt:lpstr>
      <vt:lpstr>The loop stuff</vt:lpstr>
      <vt:lpstr>Anything els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1</cp:revision>
  <dcterms:created xsi:type="dcterms:W3CDTF">2022-07-12T02:07:55Z</dcterms:created>
  <dcterms:modified xsi:type="dcterms:W3CDTF">2024-07-02T00:32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